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2_消費者物価指数推移\"/>
    </mc:Choice>
  </mc:AlternateContent>
  <xr:revisionPtr revIDLastSave="0" documentId="13_ncr:1_{4A8CDC48-0126-4985-BC51-21DF61F5932C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推移" sheetId="9" r:id="rId1"/>
  </sheets>
  <definedNames>
    <definedName name="_xlnm.Print_Area" localSheetId="0">消費者物価指数の推移!$A$1:$Y$2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2" uniqueCount="34">
  <si>
    <t>　　　　</t>
  </si>
  <si>
    <t>生鮮食品を除く</t>
    <rPh sb="5" eb="6">
      <t>ノゾ</t>
    </rPh>
    <phoneticPr fontId="13"/>
  </si>
  <si>
    <t>全　　　国</t>
  </si>
  <si>
    <t>総　合</t>
  </si>
  <si>
    <t>食　料</t>
  </si>
  <si>
    <t>住　居</t>
  </si>
  <si>
    <t>教　育</t>
  </si>
  <si>
    <t>諸雑費</t>
  </si>
  <si>
    <t>横浜市</t>
    <rPh sb="0" eb="3">
      <t>ヨコハマシ</t>
    </rPh>
    <phoneticPr fontId="18"/>
  </si>
  <si>
    <t>年　　月</t>
    <phoneticPr fontId="18"/>
  </si>
  <si>
    <t>平均</t>
    <rPh sb="0" eb="2">
      <t>ヘイキン</t>
    </rPh>
    <phoneticPr fontId="18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8"/>
  </si>
  <si>
    <t>総　合</t>
    <rPh sb="0" eb="1">
      <t>ソウ</t>
    </rPh>
    <rPh sb="2" eb="3">
      <t>ゴウ</t>
    </rPh>
    <phoneticPr fontId="18"/>
  </si>
  <si>
    <t>総 合</t>
    <rPh sb="0" eb="1">
      <t>ソウ</t>
    </rPh>
    <rPh sb="2" eb="3">
      <t>ゴウ</t>
    </rPh>
    <phoneticPr fontId="18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8"/>
  </si>
  <si>
    <t>消 費 者 物 価 指 数 の 推 移</t>
    <phoneticPr fontId="18"/>
  </si>
  <si>
    <t>（令和2（2020）年＝100基準）</t>
    <rPh sb="1" eb="3">
      <t>レイワ</t>
    </rPh>
    <rPh sb="15" eb="17">
      <t>キジュン</t>
    </rPh>
    <phoneticPr fontId="18"/>
  </si>
  <si>
    <t>―</t>
    <phoneticPr fontId="18"/>
  </si>
  <si>
    <t>被服及び
履物</t>
    <rPh sb="5" eb="7">
      <t>ハキモノ</t>
    </rPh>
    <phoneticPr fontId="18"/>
  </si>
  <si>
    <t>保健医療</t>
    <rPh sb="2" eb="4">
      <t>イリョウ</t>
    </rPh>
    <phoneticPr fontId="18"/>
  </si>
  <si>
    <t>持家の帰属家賃を除く</t>
    <rPh sb="5" eb="7">
      <t>ヤチン</t>
    </rPh>
    <phoneticPr fontId="13"/>
  </si>
  <si>
    <t>光　熱
・
水　道</t>
    <rPh sb="6" eb="7">
      <t>スイ</t>
    </rPh>
    <rPh sb="8" eb="9">
      <t>ミチ</t>
    </rPh>
    <phoneticPr fontId="18"/>
  </si>
  <si>
    <t>家　具
・
家事用品</t>
    <rPh sb="6" eb="8">
      <t>カジ</t>
    </rPh>
    <rPh sb="8" eb="10">
      <t>ヨウヒン</t>
    </rPh>
    <phoneticPr fontId="18"/>
  </si>
  <si>
    <t>交　通
・
通　信</t>
    <rPh sb="6" eb="7">
      <t>ツウ</t>
    </rPh>
    <rPh sb="8" eb="9">
      <t>シン</t>
    </rPh>
    <phoneticPr fontId="18"/>
  </si>
  <si>
    <t>食料
(酒類を除く)
及び
エネルギー
を除く</t>
    <phoneticPr fontId="18"/>
  </si>
  <si>
    <t>教養娯楽</t>
    <rPh sb="0" eb="2">
      <t>キョウヨウ</t>
    </rPh>
    <rPh sb="2" eb="4">
      <t>ゴラク</t>
    </rPh>
    <phoneticPr fontId="18"/>
  </si>
  <si>
    <t>前月比
（％）</t>
    <phoneticPr fontId="18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1"/>
        <rFont val="ＭＳ 明朝"/>
        <family val="1"/>
        <charset val="128"/>
      </rPr>
      <t xml:space="preserve">
（％）</t>
    </r>
    <rPh sb="0" eb="2">
      <t>ゼンネン</t>
    </rPh>
    <phoneticPr fontId="13"/>
  </si>
  <si>
    <t>前月比
（％）</t>
    <rPh sb="2" eb="3">
      <t>ヒ</t>
    </rPh>
    <phoneticPr fontId="13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 xml:space="preserve">
（％）</t>
    </r>
    <rPh sb="3" eb="5">
      <t>ドウゲツ</t>
    </rPh>
    <rPh sb="5" eb="6">
      <t>ヒ</t>
    </rPh>
    <phoneticPr fontId="13"/>
  </si>
  <si>
    <t>月</t>
  </si>
  <si>
    <t>2025年</t>
    <rPh sb="4" eb="5">
      <t>ネン</t>
    </rPh>
    <phoneticPr fontId="18"/>
  </si>
  <si>
    <t>2026年</t>
    <phoneticPr fontId="18"/>
  </si>
  <si>
    <t>2025年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¥&quot;\!\-#,##0;&quot;-&quot;"/>
    <numFmt numFmtId="177" formatCode="0.0_ "/>
    <numFmt numFmtId="178" formatCode="0_ "/>
  </numFmts>
  <fonts count="31"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0"/>
      <color indexed="8"/>
      <name val="Arial"/>
      <family val="2"/>
    </font>
    <font>
      <sz val="10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name val="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18"/>
      <name val="ＭＳ 明朝"/>
      <family val="1"/>
      <charset val="128"/>
    </font>
    <font>
      <u/>
      <sz val="18"/>
      <name val="ＭＳ 明朝"/>
      <family val="1"/>
      <charset val="128"/>
    </font>
    <font>
      <sz val="16"/>
      <name val="ＭＳ Ｐゴシック"/>
      <family val="3"/>
      <charset val="128"/>
    </font>
    <font>
      <u/>
      <sz val="11"/>
      <name val="ＭＳ 明朝"/>
      <family val="1"/>
      <charset val="128"/>
    </font>
    <font>
      <sz val="6"/>
      <name val="ＭＳ 明朝"/>
      <family val="2"/>
      <charset val="128"/>
    </font>
    <font>
      <b/>
      <sz val="16"/>
      <name val="ＭＳ Ｐ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3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color theme="1"/>
      <name val="ＭＳ 明朝"/>
      <family val="2"/>
      <charset val="128"/>
    </font>
    <font>
      <u/>
      <sz val="10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1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1" fillId="0" borderId="0"/>
    <xf numFmtId="176" fontId="2" fillId="0" borderId="0" applyFill="0" applyBorder="0" applyAlignment="0"/>
    <xf numFmtId="0" fontId="4" fillId="0" borderId="0">
      <alignment horizontal="left"/>
    </xf>
    <xf numFmtId="0" fontId="5" fillId="0" borderId="1" applyNumberFormat="0" applyAlignment="0" applyProtection="0">
      <alignment horizontal="left" vertical="center"/>
    </xf>
    <xf numFmtId="0" fontId="5" fillId="0" borderId="2">
      <alignment horizontal="left" vertical="center"/>
    </xf>
    <xf numFmtId="0" fontId="3" fillId="0" borderId="0"/>
    <xf numFmtId="4" fontId="4" fillId="0" borderId="0">
      <alignment horizontal="right"/>
    </xf>
    <xf numFmtId="4" fontId="6" fillId="0" borderId="0">
      <alignment horizontal="right"/>
    </xf>
    <xf numFmtId="0" fontId="7" fillId="0" borderId="0">
      <alignment horizontal="left"/>
    </xf>
    <xf numFmtId="0" fontId="8" fillId="0" borderId="0">
      <alignment horizontal="center"/>
    </xf>
    <xf numFmtId="0" fontId="1" fillId="0" borderId="0"/>
    <xf numFmtId="0" fontId="9" fillId="0" borderId="0"/>
  </cellStyleXfs>
  <cellXfs count="148">
    <xf numFmtId="0" fontId="0" fillId="0" borderId="0" xfId="0">
      <alignment vertical="center"/>
    </xf>
    <xf numFmtId="0" fontId="1" fillId="0" borderId="0" xfId="1"/>
    <xf numFmtId="0" fontId="11" fillId="0" borderId="0" xfId="12" applyFont="1" applyBorder="1"/>
    <xf numFmtId="0" fontId="11" fillId="0" borderId="9" xfId="12" applyFont="1" applyFill="1" applyBorder="1" applyAlignment="1">
      <alignment horizontal="centerContinuous"/>
    </xf>
    <xf numFmtId="0" fontId="11" fillId="0" borderId="10" xfId="12" applyFont="1" applyFill="1" applyBorder="1" applyAlignment="1">
      <alignment horizontal="centerContinuous"/>
    </xf>
    <xf numFmtId="0" fontId="15" fillId="0" borderId="0" xfId="12" applyFont="1" applyBorder="1" applyAlignment="1">
      <alignment horizontal="left"/>
    </xf>
    <xf numFmtId="0" fontId="16" fillId="0" borderId="0" xfId="12" applyFont="1" applyBorder="1" applyAlignment="1"/>
    <xf numFmtId="0" fontId="14" fillId="0" borderId="0" xfId="12" applyFont="1" applyBorder="1" applyAlignment="1">
      <alignment horizontal="left"/>
    </xf>
    <xf numFmtId="0" fontId="17" fillId="0" borderId="0" xfId="12" applyFont="1" applyBorder="1" applyAlignment="1">
      <alignment horizontal="left"/>
    </xf>
    <xf numFmtId="0" fontId="1" fillId="0" borderId="0" xfId="12" applyFont="1" applyBorder="1" applyAlignment="1">
      <alignment horizontal="left"/>
    </xf>
    <xf numFmtId="0" fontId="1" fillId="0" borderId="19" xfId="12" applyFont="1" applyFill="1" applyBorder="1" applyAlignment="1">
      <alignment horizontal="centerContinuous" vertical="center"/>
    </xf>
    <xf numFmtId="177" fontId="12" fillId="0" borderId="0" xfId="12" applyNumberFormat="1" applyFont="1" applyFill="1" applyBorder="1" applyAlignment="1">
      <alignment horizontal="right" vertical="center"/>
    </xf>
    <xf numFmtId="0" fontId="19" fillId="0" borderId="0" xfId="12" applyFont="1" applyBorder="1" applyAlignment="1"/>
    <xf numFmtId="0" fontId="20" fillId="0" borderId="0" xfId="1" applyFont="1"/>
    <xf numFmtId="0" fontId="21" fillId="0" borderId="0" xfId="12" applyFont="1" applyBorder="1"/>
    <xf numFmtId="0" fontId="22" fillId="0" borderId="0" xfId="12" applyFont="1" applyBorder="1"/>
    <xf numFmtId="0" fontId="1" fillId="0" borderId="25" xfId="12" applyFont="1" applyFill="1" applyBorder="1" applyAlignment="1">
      <alignment horizontal="center" vertical="center"/>
    </xf>
    <xf numFmtId="0" fontId="0" fillId="0" borderId="0" xfId="0" applyBorder="1">
      <alignment vertical="center"/>
    </xf>
    <xf numFmtId="0" fontId="24" fillId="0" borderId="28" xfId="12" applyFont="1" applyBorder="1" applyAlignment="1">
      <alignment horizontal="center" vertical="center"/>
    </xf>
    <xf numFmtId="0" fontId="26" fillId="0" borderId="0" xfId="0" applyFont="1" applyAlignment="1">
      <alignment horizontal="center" vertical="center"/>
    </xf>
    <xf numFmtId="0" fontId="27" fillId="0" borderId="0" xfId="12" applyFont="1" applyBorder="1" applyAlignment="1">
      <alignment horizontal="left"/>
    </xf>
    <xf numFmtId="0" fontId="1" fillId="0" borderId="37" xfId="1" applyFont="1" applyFill="1" applyBorder="1" applyAlignment="1">
      <alignment horizontal="center" vertical="center"/>
    </xf>
    <xf numFmtId="0" fontId="24" fillId="0" borderId="7" xfId="1" applyFont="1" applyBorder="1" applyAlignment="1">
      <alignment horizontal="center" vertical="center"/>
    </xf>
    <xf numFmtId="0" fontId="24" fillId="0" borderId="40" xfId="1" applyFont="1" applyBorder="1" applyAlignment="1">
      <alignment horizontal="center" vertical="center"/>
    </xf>
    <xf numFmtId="177" fontId="24" fillId="0" borderId="27" xfId="12" applyNumberFormat="1" applyFont="1" applyFill="1" applyBorder="1" applyAlignment="1">
      <alignment horizontal="center" vertical="center"/>
    </xf>
    <xf numFmtId="177" fontId="24" fillId="0" borderId="30" xfId="12" applyNumberFormat="1" applyFont="1" applyFill="1" applyBorder="1" applyAlignment="1">
      <alignment horizontal="center" vertical="center"/>
    </xf>
    <xf numFmtId="177" fontId="24" fillId="0" borderId="31" xfId="12" applyNumberFormat="1" applyFont="1" applyFill="1" applyBorder="1" applyAlignment="1">
      <alignment horizontal="center" vertical="center"/>
    </xf>
    <xf numFmtId="177" fontId="24" fillId="0" borderId="32" xfId="12" applyNumberFormat="1" applyFont="1" applyFill="1" applyBorder="1" applyAlignment="1">
      <alignment horizontal="center" vertical="center"/>
    </xf>
    <xf numFmtId="177" fontId="24" fillId="0" borderId="33" xfId="12" applyNumberFormat="1" applyFont="1" applyFill="1" applyBorder="1" applyAlignment="1">
      <alignment horizontal="center" vertical="center"/>
    </xf>
    <xf numFmtId="177" fontId="24" fillId="0" borderId="34" xfId="1" applyNumberFormat="1" applyFont="1" applyFill="1" applyBorder="1" applyAlignment="1">
      <alignment horizontal="center" vertical="center" wrapText="1"/>
    </xf>
    <xf numFmtId="177" fontId="24" fillId="0" borderId="1" xfId="12" applyNumberFormat="1" applyFont="1" applyFill="1" applyBorder="1" applyAlignment="1">
      <alignment horizontal="center" vertical="center"/>
    </xf>
    <xf numFmtId="177" fontId="24" fillId="0" borderId="35" xfId="12" applyNumberFormat="1" applyFont="1" applyFill="1" applyBorder="1" applyAlignment="1">
      <alignment horizontal="center" vertical="center"/>
    </xf>
    <xf numFmtId="177" fontId="24" fillId="0" borderId="29" xfId="12" applyNumberFormat="1" applyFont="1" applyFill="1" applyBorder="1" applyAlignment="1">
      <alignment horizontal="center" vertical="center"/>
    </xf>
    <xf numFmtId="177" fontId="24" fillId="0" borderId="30" xfId="12" applyNumberFormat="1" applyFont="1" applyFill="1" applyBorder="1" applyAlignment="1">
      <alignment horizontal="center" vertical="center" shrinkToFit="1"/>
    </xf>
    <xf numFmtId="177" fontId="24" fillId="0" borderId="44" xfId="11" quotePrefix="1" applyNumberFormat="1" applyFont="1" applyBorder="1" applyAlignment="1">
      <alignment horizontal="center" vertical="center"/>
    </xf>
    <xf numFmtId="177" fontId="24" fillId="0" borderId="42" xfId="11" quotePrefix="1" applyNumberFormat="1" applyFont="1" applyBorder="1" applyAlignment="1">
      <alignment horizontal="center" vertical="center"/>
    </xf>
    <xf numFmtId="177" fontId="24" fillId="0" borderId="41" xfId="11" quotePrefix="1" applyNumberFormat="1" applyFont="1" applyBorder="1" applyAlignment="1">
      <alignment horizontal="center" vertical="center"/>
    </xf>
    <xf numFmtId="177" fontId="24" fillId="0" borderId="46" xfId="11" quotePrefix="1" applyNumberFormat="1" applyFont="1" applyBorder="1" applyAlignment="1">
      <alignment horizontal="center" vertical="center"/>
    </xf>
    <xf numFmtId="177" fontId="25" fillId="0" borderId="44" xfId="0" applyNumberFormat="1" applyFont="1" applyFill="1" applyBorder="1" applyAlignment="1">
      <alignment horizontal="center" vertical="center"/>
    </xf>
    <xf numFmtId="177" fontId="25" fillId="0" borderId="43" xfId="0" applyNumberFormat="1" applyFont="1" applyFill="1" applyBorder="1" applyAlignment="1">
      <alignment horizontal="center" vertical="center"/>
    </xf>
    <xf numFmtId="177" fontId="24" fillId="0" borderId="40" xfId="11" quotePrefix="1" applyNumberFormat="1" applyFont="1" applyBorder="1" applyAlignment="1">
      <alignment horizontal="center" vertical="center"/>
    </xf>
    <xf numFmtId="177" fontId="24" fillId="0" borderId="7" xfId="11" quotePrefix="1" applyNumberFormat="1" applyFont="1" applyBorder="1" applyAlignment="1">
      <alignment horizontal="center" vertical="center"/>
    </xf>
    <xf numFmtId="177" fontId="24" fillId="0" borderId="8" xfId="11" quotePrefix="1" applyNumberFormat="1" applyFont="1" applyBorder="1" applyAlignment="1">
      <alignment horizontal="center" vertical="center"/>
    </xf>
    <xf numFmtId="177" fontId="24" fillId="0" borderId="45" xfId="11" quotePrefix="1" applyNumberFormat="1" applyFont="1" applyBorder="1" applyAlignment="1">
      <alignment horizontal="center" vertical="center"/>
    </xf>
    <xf numFmtId="178" fontId="24" fillId="0" borderId="41" xfId="1" applyNumberFormat="1" applyFont="1" applyBorder="1" applyAlignment="1">
      <alignment horizontal="center" vertical="center"/>
    </xf>
    <xf numFmtId="178" fontId="24" fillId="0" borderId="8" xfId="1" applyNumberFormat="1" applyFont="1" applyBorder="1" applyAlignment="1">
      <alignment horizontal="center" vertical="center"/>
    </xf>
    <xf numFmtId="0" fontId="23" fillId="0" borderId="8" xfId="12" applyFont="1" applyBorder="1" applyAlignment="1">
      <alignment horizontal="right"/>
    </xf>
    <xf numFmtId="0" fontId="0" fillId="0" borderId="8" xfId="0" applyBorder="1" applyAlignment="1"/>
    <xf numFmtId="0" fontId="24" fillId="0" borderId="56" xfId="1" applyFont="1" applyBorder="1" applyAlignment="1">
      <alignment horizontal="center" vertical="center"/>
    </xf>
    <xf numFmtId="0" fontId="24" fillId="0" borderId="50" xfId="1" applyFont="1" applyBorder="1" applyAlignment="1">
      <alignment horizontal="center" vertical="center"/>
    </xf>
    <xf numFmtId="177" fontId="24" fillId="0" borderId="57" xfId="11" quotePrefix="1" applyNumberFormat="1" applyFont="1" applyBorder="1" applyAlignment="1">
      <alignment horizontal="center" vertical="center"/>
    </xf>
    <xf numFmtId="177" fontId="24" fillId="0" borderId="12" xfId="11" quotePrefix="1" applyNumberFormat="1" applyFont="1" applyBorder="1" applyAlignment="1">
      <alignment horizontal="center" vertical="center"/>
    </xf>
    <xf numFmtId="177" fontId="25" fillId="0" borderId="57" xfId="0" applyNumberFormat="1" applyFont="1" applyFill="1" applyBorder="1" applyAlignment="1">
      <alignment horizontal="center" vertical="center"/>
    </xf>
    <xf numFmtId="177" fontId="25" fillId="0" borderId="15" xfId="0" applyNumberFormat="1" applyFont="1" applyFill="1" applyBorder="1" applyAlignment="1">
      <alignment horizontal="center" vertical="center"/>
    </xf>
    <xf numFmtId="0" fontId="1" fillId="0" borderId="13" xfId="12" applyFont="1" applyFill="1" applyBorder="1" applyAlignment="1">
      <alignment horizontal="center" vertical="center"/>
    </xf>
    <xf numFmtId="0" fontId="1" fillId="0" borderId="12" xfId="12" applyFont="1" applyFill="1" applyBorder="1" applyAlignment="1">
      <alignment horizontal="center" vertical="center"/>
    </xf>
    <xf numFmtId="177" fontId="24" fillId="0" borderId="50" xfId="11" quotePrefix="1" applyNumberFormat="1" applyFont="1" applyBorder="1" applyAlignment="1">
      <alignment horizontal="center" vertical="center"/>
    </xf>
    <xf numFmtId="177" fontId="24" fillId="0" borderId="14" xfId="11" quotePrefix="1" applyNumberFormat="1" applyFont="1" applyBorder="1" applyAlignment="1">
      <alignment horizontal="center" vertical="center"/>
    </xf>
    <xf numFmtId="177" fontId="24" fillId="0" borderId="47" xfId="11" quotePrefix="1" applyNumberFormat="1" applyFont="1" applyBorder="1" applyAlignment="1">
      <alignment horizontal="center" vertical="center"/>
    </xf>
    <xf numFmtId="177" fontId="24" fillId="0" borderId="45" xfId="1" applyNumberFormat="1" applyFont="1" applyBorder="1" applyAlignment="1">
      <alignment horizontal="center" vertical="center"/>
    </xf>
    <xf numFmtId="177" fontId="24" fillId="0" borderId="56" xfId="11" quotePrefix="1" applyNumberFormat="1" applyFont="1" applyBorder="1" applyAlignment="1">
      <alignment horizontal="center" vertical="center"/>
    </xf>
    <xf numFmtId="177" fontId="24" fillId="0" borderId="58" xfId="11" quotePrefix="1" applyNumberFormat="1" applyFont="1" applyBorder="1" applyAlignment="1">
      <alignment horizontal="center" vertical="center"/>
    </xf>
    <xf numFmtId="177" fontId="24" fillId="0" borderId="59" xfId="11" quotePrefix="1" applyNumberFormat="1" applyFont="1" applyBorder="1" applyAlignment="1">
      <alignment horizontal="center" vertical="center"/>
    </xf>
    <xf numFmtId="177" fontId="24" fillId="0" borderId="46" xfId="1" applyNumberFormat="1" applyFont="1" applyBorder="1" applyAlignment="1">
      <alignment horizontal="center" vertical="center"/>
    </xf>
    <xf numFmtId="0" fontId="24" fillId="0" borderId="60" xfId="1" applyFont="1" applyBorder="1" applyAlignment="1">
      <alignment horizontal="center" vertical="center"/>
    </xf>
    <xf numFmtId="178" fontId="24" fillId="0" borderId="61" xfId="1" applyNumberFormat="1" applyFont="1" applyBorder="1" applyAlignment="1">
      <alignment horizontal="center" vertical="center"/>
    </xf>
    <xf numFmtId="0" fontId="24" fillId="0" borderId="62" xfId="1" applyFont="1" applyBorder="1" applyAlignment="1">
      <alignment horizontal="center" vertical="center"/>
    </xf>
    <xf numFmtId="177" fontId="24" fillId="0" borderId="60" xfId="11" quotePrefix="1" applyNumberFormat="1" applyFont="1" applyBorder="1" applyAlignment="1">
      <alignment horizontal="center" vertical="center"/>
    </xf>
    <xf numFmtId="177" fontId="24" fillId="0" borderId="63" xfId="11" quotePrefix="1" applyNumberFormat="1" applyFont="1" applyBorder="1" applyAlignment="1">
      <alignment horizontal="center" vertical="center"/>
    </xf>
    <xf numFmtId="177" fontId="24" fillId="0" borderId="64" xfId="11" quotePrefix="1" applyNumberFormat="1" applyFont="1" applyBorder="1" applyAlignment="1">
      <alignment horizontal="center" vertical="center"/>
    </xf>
    <xf numFmtId="177" fontId="24" fillId="0" borderId="61" xfId="11" quotePrefix="1" applyNumberFormat="1" applyFont="1" applyBorder="1" applyAlignment="1">
      <alignment horizontal="center" vertical="center"/>
    </xf>
    <xf numFmtId="177" fontId="24" fillId="0" borderId="65" xfId="11" quotePrefix="1" applyNumberFormat="1" applyFont="1" applyBorder="1" applyAlignment="1">
      <alignment horizontal="center" vertical="center"/>
    </xf>
    <xf numFmtId="177" fontId="24" fillId="0" borderId="66" xfId="11" quotePrefix="1" applyNumberFormat="1" applyFont="1" applyBorder="1" applyAlignment="1">
      <alignment horizontal="center" vertical="center"/>
    </xf>
    <xf numFmtId="177" fontId="24" fillId="0" borderId="67" xfId="11" quotePrefix="1" applyNumberFormat="1" applyFont="1" applyBorder="1" applyAlignment="1">
      <alignment horizontal="center" vertical="center"/>
    </xf>
    <xf numFmtId="177" fontId="24" fillId="0" borderId="67" xfId="1" applyNumberFormat="1" applyFont="1" applyBorder="1" applyAlignment="1">
      <alignment horizontal="center" vertical="center"/>
    </xf>
    <xf numFmtId="177" fontId="25" fillId="0" borderId="63" xfId="0" applyNumberFormat="1" applyFont="1" applyFill="1" applyBorder="1" applyAlignment="1">
      <alignment horizontal="center" vertical="center"/>
    </xf>
    <xf numFmtId="177" fontId="25" fillId="0" borderId="64" xfId="0" applyNumberFormat="1" applyFont="1" applyFill="1" applyBorder="1" applyAlignment="1">
      <alignment horizontal="center" vertical="center"/>
    </xf>
    <xf numFmtId="177" fontId="24" fillId="0" borderId="43" xfId="11" quotePrefix="1" applyNumberFormat="1" applyFont="1" applyBorder="1" applyAlignment="1">
      <alignment horizontal="center" vertical="center"/>
    </xf>
    <xf numFmtId="177" fontId="24" fillId="0" borderId="68" xfId="11" quotePrefix="1" applyNumberFormat="1" applyFont="1" applyBorder="1" applyAlignment="1">
      <alignment horizontal="center" vertical="center"/>
    </xf>
    <xf numFmtId="177" fontId="24" fillId="0" borderId="68" xfId="1" applyNumberFormat="1" applyFont="1" applyBorder="1" applyAlignment="1">
      <alignment horizontal="center" vertical="center"/>
    </xf>
    <xf numFmtId="0" fontId="24" fillId="0" borderId="1" xfId="12" applyFont="1" applyBorder="1" applyAlignment="1">
      <alignment horizontal="center" vertical="center"/>
    </xf>
    <xf numFmtId="0" fontId="24" fillId="0" borderId="36" xfId="12" applyFont="1" applyBorder="1" applyAlignment="1">
      <alignment horizontal="center" vertical="center"/>
    </xf>
    <xf numFmtId="0" fontId="1" fillId="0" borderId="18" xfId="12" applyFont="1" applyFill="1" applyBorder="1" applyAlignment="1">
      <alignment horizontal="center" vertical="center" wrapText="1"/>
    </xf>
    <xf numFmtId="0" fontId="1" fillId="0" borderId="11" xfId="12" applyFont="1" applyFill="1" applyBorder="1" applyAlignment="1">
      <alignment horizontal="center" vertical="center" wrapText="1"/>
    </xf>
    <xf numFmtId="0" fontId="1" fillId="0" borderId="12" xfId="12" applyFont="1" applyFill="1" applyBorder="1" applyAlignment="1">
      <alignment horizontal="center" vertical="center" wrapText="1"/>
    </xf>
    <xf numFmtId="0" fontId="10" fillId="0" borderId="22" xfId="12" applyFont="1" applyFill="1" applyBorder="1" applyAlignment="1">
      <alignment horizontal="center" vertical="center"/>
    </xf>
    <xf numFmtId="0" fontId="10" fillId="0" borderId="23" xfId="12" applyFont="1" applyFill="1" applyBorder="1" applyAlignment="1">
      <alignment horizontal="center" vertical="center"/>
    </xf>
    <xf numFmtId="0" fontId="10" fillId="0" borderId="24" xfId="12" applyFont="1" applyFill="1" applyBorder="1" applyAlignment="1">
      <alignment horizontal="center" vertical="center"/>
    </xf>
    <xf numFmtId="0" fontId="10" fillId="0" borderId="21" xfId="12" applyFont="1" applyFill="1" applyBorder="1" applyAlignment="1">
      <alignment horizontal="center" vertical="center"/>
    </xf>
    <xf numFmtId="0" fontId="12" fillId="0" borderId="3" xfId="12" applyFont="1" applyBorder="1" applyAlignment="1">
      <alignment horizontal="center" vertical="center"/>
    </xf>
    <xf numFmtId="0" fontId="12" fillId="0" borderId="4" xfId="12" applyFont="1" applyBorder="1" applyAlignment="1">
      <alignment horizontal="center" vertical="center"/>
    </xf>
    <xf numFmtId="0" fontId="12" fillId="0" borderId="48" xfId="12" applyFont="1" applyBorder="1" applyAlignment="1">
      <alignment horizontal="center" vertical="center"/>
    </xf>
    <xf numFmtId="0" fontId="12" fillId="0" borderId="6" xfId="12" applyFont="1" applyBorder="1" applyAlignment="1">
      <alignment horizontal="center" vertical="center"/>
    </xf>
    <xf numFmtId="0" fontId="12" fillId="0" borderId="0" xfId="12" applyFont="1" applyBorder="1" applyAlignment="1">
      <alignment horizontal="center" vertical="center"/>
    </xf>
    <xf numFmtId="0" fontId="12" fillId="0" borderId="49" xfId="12" applyFont="1" applyBorder="1" applyAlignment="1">
      <alignment horizontal="center" vertical="center"/>
    </xf>
    <xf numFmtId="0" fontId="12" fillId="0" borderId="7" xfId="12" applyFont="1" applyBorder="1" applyAlignment="1">
      <alignment horizontal="center" vertical="center"/>
    </xf>
    <xf numFmtId="0" fontId="12" fillId="0" borderId="8" xfId="12" applyFont="1" applyBorder="1" applyAlignment="1">
      <alignment horizontal="center" vertical="center"/>
    </xf>
    <xf numFmtId="0" fontId="12" fillId="0" borderId="50" xfId="12" applyFont="1" applyBorder="1" applyAlignment="1">
      <alignment horizontal="center" vertical="center"/>
    </xf>
    <xf numFmtId="0" fontId="1" fillId="0" borderId="17" xfId="12" applyFont="1" applyFill="1" applyBorder="1" applyAlignment="1">
      <alignment horizontal="center" vertical="center"/>
    </xf>
    <xf numFmtId="0" fontId="1" fillId="0" borderId="20" xfId="12" applyFont="1" applyFill="1" applyBorder="1" applyAlignment="1">
      <alignment horizontal="center" vertical="center"/>
    </xf>
    <xf numFmtId="0" fontId="1" fillId="0" borderId="14" xfId="12" applyFont="1" applyFill="1" applyBorder="1" applyAlignment="1">
      <alignment horizontal="center" vertical="center"/>
    </xf>
    <xf numFmtId="0" fontId="1" fillId="0" borderId="51" xfId="12" applyFont="1" applyFill="1" applyBorder="1" applyAlignment="1">
      <alignment horizontal="center" vertical="center"/>
    </xf>
    <xf numFmtId="0" fontId="1" fillId="0" borderId="52" xfId="12" applyFont="1" applyFill="1" applyBorder="1" applyAlignment="1">
      <alignment horizontal="center" vertical="center"/>
    </xf>
    <xf numFmtId="0" fontId="1" fillId="0" borderId="47" xfId="12" applyFont="1" applyFill="1" applyBorder="1" applyAlignment="1">
      <alignment horizontal="center" vertical="center"/>
    </xf>
    <xf numFmtId="0" fontId="1" fillId="0" borderId="53" xfId="12" applyFont="1" applyFill="1" applyBorder="1" applyAlignment="1">
      <alignment horizontal="center" vertical="center"/>
    </xf>
    <xf numFmtId="0" fontId="1" fillId="0" borderId="13" xfId="12" applyFont="1" applyFill="1" applyBorder="1" applyAlignment="1">
      <alignment horizontal="center" vertical="center"/>
    </xf>
    <xf numFmtId="0" fontId="11" fillId="0" borderId="54" xfId="12" applyFont="1" applyFill="1" applyBorder="1" applyAlignment="1">
      <alignment horizontal="center" vertical="center" wrapText="1"/>
    </xf>
    <xf numFmtId="0" fontId="11" fillId="0" borderId="12" xfId="12" applyFont="1" applyFill="1" applyBorder="1" applyAlignment="1">
      <alignment horizontal="center" vertical="center" wrapText="1"/>
    </xf>
    <xf numFmtId="0" fontId="11" fillId="0" borderId="55" xfId="12" applyFont="1" applyFill="1" applyBorder="1" applyAlignment="1">
      <alignment horizontal="center" vertical="center" wrapText="1" shrinkToFit="1"/>
    </xf>
    <xf numFmtId="0" fontId="11" fillId="0" borderId="15" xfId="12" applyFont="1" applyFill="1" applyBorder="1" applyAlignment="1">
      <alignment horizontal="center" vertical="center" wrapText="1" shrinkToFit="1"/>
    </xf>
    <xf numFmtId="0" fontId="1" fillId="0" borderId="26" xfId="12" applyFont="1" applyFill="1" applyBorder="1" applyAlignment="1">
      <alignment horizontal="center" vertical="center" wrapText="1" shrinkToFit="1"/>
    </xf>
    <xf numFmtId="0" fontId="1" fillId="0" borderId="16" xfId="12" applyFont="1" applyFill="1" applyBorder="1" applyAlignment="1">
      <alignment horizontal="center" vertical="center" wrapText="1" shrinkToFit="1"/>
    </xf>
    <xf numFmtId="0" fontId="1" fillId="0" borderId="15" xfId="12" applyFont="1" applyFill="1" applyBorder="1" applyAlignment="1">
      <alignment horizontal="center" vertical="center" wrapText="1" shrinkToFit="1"/>
    </xf>
    <xf numFmtId="0" fontId="1" fillId="0" borderId="18" xfId="12" applyFont="1" applyFill="1" applyBorder="1" applyAlignment="1">
      <alignment horizontal="center" vertical="center"/>
    </xf>
    <xf numFmtId="0" fontId="1" fillId="0" borderId="11" xfId="12" applyFont="1" applyFill="1" applyBorder="1" applyAlignment="1">
      <alignment horizontal="center" vertical="center"/>
    </xf>
    <xf numFmtId="0" fontId="1" fillId="0" borderId="12" xfId="12" applyFont="1" applyFill="1" applyBorder="1" applyAlignment="1">
      <alignment horizontal="center" vertical="center"/>
    </xf>
    <xf numFmtId="0" fontId="28" fillId="0" borderId="18" xfId="12" applyFont="1" applyFill="1" applyBorder="1" applyAlignment="1">
      <alignment horizontal="center" vertical="center" wrapText="1"/>
    </xf>
    <xf numFmtId="0" fontId="29" fillId="0" borderId="39" xfId="0" applyFont="1" applyBorder="1" applyAlignment="1">
      <alignment horizontal="center" vertical="center"/>
    </xf>
    <xf numFmtId="0" fontId="28" fillId="0" borderId="5" xfId="12" applyFont="1" applyFill="1" applyBorder="1" applyAlignment="1">
      <alignment horizontal="center" vertical="center" wrapText="1"/>
    </xf>
    <xf numFmtId="0" fontId="29" fillId="0" borderId="38" xfId="0" applyFont="1" applyBorder="1" applyAlignment="1">
      <alignment horizontal="center" vertical="center"/>
    </xf>
    <xf numFmtId="0" fontId="10" fillId="0" borderId="5" xfId="12" applyFont="1" applyFill="1" applyBorder="1" applyAlignment="1">
      <alignment horizontal="center" vertical="center"/>
    </xf>
    <xf numFmtId="0" fontId="10" fillId="0" borderId="38" xfId="12" applyFont="1" applyFill="1" applyBorder="1" applyAlignment="1">
      <alignment horizontal="center" vertical="center"/>
    </xf>
    <xf numFmtId="0" fontId="24" fillId="0" borderId="6" xfId="1" applyFont="1" applyBorder="1" applyAlignment="1">
      <alignment horizontal="center" vertical="center"/>
    </xf>
    <xf numFmtId="178" fontId="24" fillId="0" borderId="0" xfId="1" applyNumberFormat="1" applyFont="1" applyBorder="1" applyAlignment="1">
      <alignment horizontal="center" vertical="center"/>
    </xf>
    <xf numFmtId="0" fontId="24" fillId="0" borderId="49" xfId="1" applyFont="1" applyBorder="1" applyAlignment="1">
      <alignment horizontal="center" vertical="center"/>
    </xf>
    <xf numFmtId="177" fontId="24" fillId="0" borderId="6" xfId="11" quotePrefix="1" applyNumberFormat="1" applyFont="1" applyBorder="1" applyAlignment="1">
      <alignment horizontal="center" vertical="center"/>
    </xf>
    <xf numFmtId="177" fontId="24" fillId="0" borderId="69" xfId="11" quotePrefix="1" applyNumberFormat="1" applyFont="1" applyBorder="1" applyAlignment="1">
      <alignment horizontal="center" vertical="center"/>
    </xf>
    <xf numFmtId="177" fontId="24" fillId="0" borderId="16" xfId="11" quotePrefix="1" applyNumberFormat="1" applyFont="1" applyBorder="1" applyAlignment="1">
      <alignment horizontal="center" vertical="center"/>
    </xf>
    <xf numFmtId="177" fontId="24" fillId="0" borderId="0" xfId="11" quotePrefix="1" applyNumberFormat="1" applyFont="1" applyBorder="1" applyAlignment="1">
      <alignment horizontal="center" vertical="center"/>
    </xf>
    <xf numFmtId="177" fontId="24" fillId="0" borderId="11" xfId="11" quotePrefix="1" applyNumberFormat="1" applyFont="1" applyBorder="1" applyAlignment="1">
      <alignment horizontal="center" vertical="center"/>
    </xf>
    <xf numFmtId="177" fontId="24" fillId="0" borderId="70" xfId="11" quotePrefix="1" applyNumberFormat="1" applyFont="1" applyBorder="1" applyAlignment="1">
      <alignment horizontal="center" vertical="center"/>
    </xf>
    <xf numFmtId="177" fontId="24" fillId="0" borderId="71" xfId="11" quotePrefix="1" applyNumberFormat="1" applyFont="1" applyBorder="1" applyAlignment="1">
      <alignment horizontal="center" vertical="center"/>
    </xf>
    <xf numFmtId="177" fontId="24" fillId="0" borderId="71" xfId="1" applyNumberFormat="1" applyFont="1" applyBorder="1" applyAlignment="1">
      <alignment horizontal="center" vertical="center"/>
    </xf>
    <xf numFmtId="177" fontId="25" fillId="0" borderId="69" xfId="0" applyNumberFormat="1" applyFont="1" applyFill="1" applyBorder="1" applyAlignment="1">
      <alignment horizontal="center" vertical="center"/>
    </xf>
    <xf numFmtId="177" fontId="25" fillId="0" borderId="16" xfId="0" applyNumberFormat="1" applyFont="1" applyFill="1" applyBorder="1" applyAlignment="1">
      <alignment horizontal="center" vertical="center"/>
    </xf>
    <xf numFmtId="177" fontId="24" fillId="0" borderId="72" xfId="11" quotePrefix="1" applyNumberFormat="1" applyFont="1" applyBorder="1" applyAlignment="1">
      <alignment horizontal="center" vertical="center"/>
    </xf>
    <xf numFmtId="0" fontId="24" fillId="0" borderId="73" xfId="1" applyFont="1" applyBorder="1" applyAlignment="1">
      <alignment horizontal="center" vertical="center"/>
    </xf>
    <xf numFmtId="178" fontId="24" fillId="0" borderId="74" xfId="1" applyNumberFormat="1" applyFont="1" applyBorder="1" applyAlignment="1">
      <alignment horizontal="center" vertical="center"/>
    </xf>
    <xf numFmtId="0" fontId="24" fillId="0" borderId="75" xfId="1" applyFont="1" applyBorder="1" applyAlignment="1">
      <alignment horizontal="center" vertical="center"/>
    </xf>
    <xf numFmtId="177" fontId="24" fillId="0" borderId="76" xfId="11" quotePrefix="1" applyNumberFormat="1" applyFont="1" applyBorder="1" applyAlignment="1">
      <alignment horizontal="center" vertical="center"/>
    </xf>
    <xf numFmtId="177" fontId="24" fillId="0" borderId="77" xfId="11" quotePrefix="1" applyNumberFormat="1" applyFont="1" applyBorder="1" applyAlignment="1">
      <alignment horizontal="center" vertical="center"/>
    </xf>
    <xf numFmtId="177" fontId="24" fillId="0" borderId="74" xfId="11" quotePrefix="1" applyNumberFormat="1" applyFont="1" applyBorder="1" applyAlignment="1">
      <alignment horizontal="center" vertical="center"/>
    </xf>
    <xf numFmtId="177" fontId="24" fillId="0" borderId="78" xfId="11" quotePrefix="1" applyNumberFormat="1" applyFont="1" applyBorder="1" applyAlignment="1">
      <alignment horizontal="center" vertical="center"/>
    </xf>
    <xf numFmtId="177" fontId="24" fillId="0" borderId="79" xfId="11" quotePrefix="1" applyNumberFormat="1" applyFont="1" applyBorder="1" applyAlignment="1">
      <alignment horizontal="center" vertical="center"/>
    </xf>
    <xf numFmtId="177" fontId="24" fillId="0" borderId="80" xfId="11" quotePrefix="1" applyNumberFormat="1" applyFont="1" applyBorder="1" applyAlignment="1">
      <alignment horizontal="center" vertical="center"/>
    </xf>
    <xf numFmtId="177" fontId="24" fillId="0" borderId="80" xfId="1" applyNumberFormat="1" applyFont="1" applyBorder="1" applyAlignment="1">
      <alignment horizontal="center" vertical="center"/>
    </xf>
    <xf numFmtId="177" fontId="25" fillId="0" borderId="76" xfId="0" applyNumberFormat="1" applyFont="1" applyFill="1" applyBorder="1" applyAlignment="1">
      <alignment horizontal="center" vertical="center"/>
    </xf>
    <xf numFmtId="177" fontId="25" fillId="0" borderId="77" xfId="0" applyNumberFormat="1" applyFont="1" applyFill="1" applyBorder="1" applyAlignment="1">
      <alignment horizontal="center" vertical="center"/>
    </xf>
  </cellXfs>
  <cellStyles count="13">
    <cellStyle name="Calc Currency (0)" xfId="2" xr:uid="{00000000-0005-0000-0000-000000000000}"/>
    <cellStyle name="entry" xfId="3" xr:uid="{00000000-0005-0000-0000-000001000000}"/>
    <cellStyle name="Header1" xfId="4" xr:uid="{00000000-0005-0000-0000-000002000000}"/>
    <cellStyle name="Header2" xfId="5" xr:uid="{00000000-0005-0000-0000-000003000000}"/>
    <cellStyle name="Normal_#18-Internet" xfId="6" xr:uid="{00000000-0005-0000-0000-000004000000}"/>
    <cellStyle name="price" xfId="7" xr:uid="{00000000-0005-0000-0000-000005000000}"/>
    <cellStyle name="revised" xfId="8" xr:uid="{00000000-0005-0000-0000-000006000000}"/>
    <cellStyle name="section" xfId="9" xr:uid="{00000000-0005-0000-0000-000007000000}"/>
    <cellStyle name="title" xfId="10" xr:uid="{00000000-0005-0000-0000-000008000000}"/>
    <cellStyle name="標準" xfId="0" builtinId="0"/>
    <cellStyle name="標準 2" xfId="1" xr:uid="{00000000-0005-0000-0000-00000A000000}"/>
    <cellStyle name="標準_suii" xfId="11" xr:uid="{00000000-0005-0000-0000-00000B000000}"/>
    <cellStyle name="標準_表10-12改" xfId="12" xr:uid="{00000000-0005-0000-0000-00000C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Z59"/>
  <sheetViews>
    <sheetView tabSelected="1" zoomScaleNormal="100" zoomScaleSheetLayoutView="90" workbookViewId="0"/>
  </sheetViews>
  <sheetFormatPr defaultRowHeight="14.4"/>
  <cols>
    <col min="1" max="1" width="9.59765625" customWidth="1"/>
    <col min="2" max="2" width="4.3984375" customWidth="1"/>
    <col min="3" max="3" width="3.59765625" customWidth="1"/>
    <col min="4" max="4" width="9.59765625" bestFit="1" customWidth="1"/>
    <col min="5" max="6" width="7.59765625" customWidth="1"/>
    <col min="7" max="12" width="9.59765625" bestFit="1" customWidth="1"/>
    <col min="13" max="13" width="9.09765625" bestFit="1" customWidth="1"/>
    <col min="14" max="19" width="9.59765625" bestFit="1" customWidth="1"/>
    <col min="20" max="20" width="10.19921875" bestFit="1" customWidth="1"/>
    <col min="21" max="23" width="9.59765625" bestFit="1" customWidth="1"/>
    <col min="24" max="25" width="8" bestFit="1" customWidth="1"/>
  </cols>
  <sheetData>
    <row r="1" spans="1:26" ht="25.2" customHeight="1">
      <c r="A1" s="12" t="s">
        <v>15</v>
      </c>
      <c r="B1" s="13"/>
      <c r="C1" s="14"/>
      <c r="D1" s="14"/>
      <c r="E1" s="14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9" t="s">
        <v>0</v>
      </c>
      <c r="S1" s="9"/>
      <c r="T1" s="9"/>
      <c r="U1" s="8"/>
      <c r="V1" s="5"/>
      <c r="W1" s="7"/>
      <c r="X1" s="5"/>
      <c r="Y1" s="1"/>
    </row>
    <row r="2" spans="1:26" ht="25.2" customHeight="1">
      <c r="A2" s="6"/>
      <c r="B2" s="1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9"/>
      <c r="S2" s="9"/>
      <c r="T2" s="9"/>
      <c r="U2" s="20"/>
      <c r="V2" s="5"/>
      <c r="W2" s="7"/>
      <c r="X2" s="5"/>
      <c r="Y2" s="1"/>
    </row>
    <row r="3" spans="1:26" ht="25.2" customHeight="1" thickBot="1">
      <c r="A3" s="15" t="s">
        <v>8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  <c r="Q3" s="13"/>
      <c r="R3" s="13"/>
      <c r="S3" s="13"/>
      <c r="T3" s="13"/>
      <c r="U3" s="13"/>
      <c r="V3" s="47"/>
      <c r="W3" s="47"/>
      <c r="X3" s="47"/>
      <c r="Y3" s="46" t="s">
        <v>16</v>
      </c>
    </row>
    <row r="4" spans="1:26" ht="31.5" customHeight="1">
      <c r="A4" s="89" t="s">
        <v>9</v>
      </c>
      <c r="B4" s="90"/>
      <c r="C4" s="91"/>
      <c r="D4" s="98" t="s">
        <v>3</v>
      </c>
      <c r="E4" s="82" t="s">
        <v>26</v>
      </c>
      <c r="F4" s="110" t="s">
        <v>27</v>
      </c>
      <c r="G4" s="98" t="s">
        <v>4</v>
      </c>
      <c r="H4" s="113" t="s">
        <v>5</v>
      </c>
      <c r="I4" s="82" t="s">
        <v>21</v>
      </c>
      <c r="J4" s="82" t="s">
        <v>22</v>
      </c>
      <c r="K4" s="82" t="s">
        <v>18</v>
      </c>
      <c r="L4" s="82" t="s">
        <v>19</v>
      </c>
      <c r="M4" s="82" t="s">
        <v>23</v>
      </c>
      <c r="N4" s="113" t="s">
        <v>6</v>
      </c>
      <c r="O4" s="82" t="s">
        <v>25</v>
      </c>
      <c r="P4" s="101" t="s">
        <v>7</v>
      </c>
      <c r="Q4" s="85" t="s">
        <v>1</v>
      </c>
      <c r="R4" s="86"/>
      <c r="S4" s="116" t="s">
        <v>11</v>
      </c>
      <c r="T4" s="118" t="s">
        <v>24</v>
      </c>
      <c r="U4" s="85" t="s">
        <v>20</v>
      </c>
      <c r="V4" s="120"/>
      <c r="W4" s="10" t="s">
        <v>2</v>
      </c>
      <c r="X4" s="3"/>
      <c r="Y4" s="4"/>
    </row>
    <row r="5" spans="1:26" ht="32.1" customHeight="1">
      <c r="A5" s="92"/>
      <c r="B5" s="93"/>
      <c r="C5" s="94"/>
      <c r="D5" s="99"/>
      <c r="E5" s="83"/>
      <c r="F5" s="111"/>
      <c r="G5" s="99"/>
      <c r="H5" s="114"/>
      <c r="I5" s="83"/>
      <c r="J5" s="83"/>
      <c r="K5" s="83"/>
      <c r="L5" s="83"/>
      <c r="M5" s="83"/>
      <c r="N5" s="114"/>
      <c r="O5" s="83"/>
      <c r="P5" s="102"/>
      <c r="Q5" s="87"/>
      <c r="R5" s="88"/>
      <c r="S5" s="117"/>
      <c r="T5" s="119"/>
      <c r="U5" s="87"/>
      <c r="V5" s="121"/>
      <c r="W5" s="104" t="s">
        <v>3</v>
      </c>
      <c r="X5" s="106" t="s">
        <v>28</v>
      </c>
      <c r="Y5" s="108" t="s">
        <v>29</v>
      </c>
    </row>
    <row r="6" spans="1:26" ht="32.1" customHeight="1" thickBot="1">
      <c r="A6" s="95"/>
      <c r="B6" s="96"/>
      <c r="C6" s="97"/>
      <c r="D6" s="100"/>
      <c r="E6" s="84"/>
      <c r="F6" s="112"/>
      <c r="G6" s="100"/>
      <c r="H6" s="115"/>
      <c r="I6" s="84"/>
      <c r="J6" s="84"/>
      <c r="K6" s="84"/>
      <c r="L6" s="83"/>
      <c r="M6" s="84"/>
      <c r="N6" s="115"/>
      <c r="O6" s="84"/>
      <c r="P6" s="103"/>
      <c r="Q6" s="54" t="s">
        <v>3</v>
      </c>
      <c r="R6" s="55" t="s">
        <v>4</v>
      </c>
      <c r="S6" s="16" t="s">
        <v>13</v>
      </c>
      <c r="T6" s="21" t="s">
        <v>12</v>
      </c>
      <c r="U6" s="16" t="s">
        <v>3</v>
      </c>
      <c r="V6" s="55" t="s">
        <v>5</v>
      </c>
      <c r="W6" s="105"/>
      <c r="X6" s="107"/>
      <c r="Y6" s="109"/>
    </row>
    <row r="7" spans="1:26" s="19" customFormat="1" ht="25.2" customHeight="1" thickBot="1">
      <c r="A7" s="18" t="s">
        <v>31</v>
      </c>
      <c r="B7" s="80" t="s">
        <v>10</v>
      </c>
      <c r="C7" s="81"/>
      <c r="D7" s="32">
        <v>111.5</v>
      </c>
      <c r="E7" s="24" t="s">
        <v>17</v>
      </c>
      <c r="F7" s="25">
        <v>3</v>
      </c>
      <c r="G7" s="26">
        <v>125.7</v>
      </c>
      <c r="H7" s="24">
        <v>102.9</v>
      </c>
      <c r="I7" s="24">
        <v>118.1</v>
      </c>
      <c r="J7" s="24">
        <v>120.7</v>
      </c>
      <c r="K7" s="24">
        <v>110</v>
      </c>
      <c r="L7" s="24">
        <v>103.6</v>
      </c>
      <c r="M7" s="24">
        <v>98.1</v>
      </c>
      <c r="N7" s="24">
        <v>100.9</v>
      </c>
      <c r="O7" s="24">
        <v>119.6</v>
      </c>
      <c r="P7" s="27">
        <v>106.8</v>
      </c>
      <c r="Q7" s="28">
        <v>110.8</v>
      </c>
      <c r="R7" s="24">
        <v>125.3</v>
      </c>
      <c r="S7" s="26">
        <v>110.1</v>
      </c>
      <c r="T7" s="29">
        <v>105.6</v>
      </c>
      <c r="U7" s="26">
        <v>114.2</v>
      </c>
      <c r="V7" s="30">
        <v>108.6</v>
      </c>
      <c r="W7" s="31">
        <v>111.9</v>
      </c>
      <c r="X7" s="30" t="s">
        <v>17</v>
      </c>
      <c r="Y7" s="33">
        <v>3.2</v>
      </c>
    </row>
    <row r="8" spans="1:26" ht="24.75" customHeight="1">
      <c r="A8" s="23" t="s">
        <v>33</v>
      </c>
      <c r="B8" s="44">
        <v>5</v>
      </c>
      <c r="C8" s="48" t="s">
        <v>30</v>
      </c>
      <c r="D8" s="40">
        <v>111.4</v>
      </c>
      <c r="E8" s="35">
        <v>0.3</v>
      </c>
      <c r="F8" s="60">
        <v>3.2</v>
      </c>
      <c r="G8" s="61">
        <v>124.6</v>
      </c>
      <c r="H8" s="36">
        <v>102.6</v>
      </c>
      <c r="I8" s="35">
        <v>122.5</v>
      </c>
      <c r="J8" s="36">
        <v>121.2</v>
      </c>
      <c r="K8" s="34">
        <v>110.8</v>
      </c>
      <c r="L8" s="34">
        <v>103.8</v>
      </c>
      <c r="M8" s="34">
        <v>97.5</v>
      </c>
      <c r="N8" s="34">
        <v>100.2</v>
      </c>
      <c r="O8" s="34">
        <v>119.8</v>
      </c>
      <c r="P8" s="62">
        <v>106.7</v>
      </c>
      <c r="Q8" s="37">
        <v>110.9</v>
      </c>
      <c r="R8" s="34">
        <v>124.9</v>
      </c>
      <c r="S8" s="34">
        <v>109.8</v>
      </c>
      <c r="T8" s="62">
        <v>105.5</v>
      </c>
      <c r="U8" s="37">
        <v>114</v>
      </c>
      <c r="V8" s="62">
        <v>107.5</v>
      </c>
      <c r="W8" s="63">
        <v>111.8</v>
      </c>
      <c r="X8" s="38">
        <v>0.3</v>
      </c>
      <c r="Y8" s="39">
        <v>3.5</v>
      </c>
      <c r="Z8" s="17"/>
    </row>
    <row r="9" spans="1:26" ht="24.75" customHeight="1">
      <c r="A9" s="23"/>
      <c r="B9" s="44">
        <v>6</v>
      </c>
      <c r="C9" s="48" t="s">
        <v>30</v>
      </c>
      <c r="D9" s="40">
        <v>111.4</v>
      </c>
      <c r="E9" s="35">
        <v>0.1</v>
      </c>
      <c r="F9" s="60">
        <v>3.1</v>
      </c>
      <c r="G9" s="61">
        <v>125.2</v>
      </c>
      <c r="H9" s="36">
        <v>102.7</v>
      </c>
      <c r="I9" s="35">
        <v>122.3</v>
      </c>
      <c r="J9" s="36">
        <v>121.7</v>
      </c>
      <c r="K9" s="34">
        <v>110.4</v>
      </c>
      <c r="L9" s="34">
        <v>103.8</v>
      </c>
      <c r="M9" s="34">
        <v>97.9</v>
      </c>
      <c r="N9" s="34">
        <v>100.2</v>
      </c>
      <c r="O9" s="34">
        <v>118.3</v>
      </c>
      <c r="P9" s="62">
        <v>106.8</v>
      </c>
      <c r="Q9" s="37">
        <v>111</v>
      </c>
      <c r="R9" s="34">
        <v>126</v>
      </c>
      <c r="S9" s="34">
        <v>110.1</v>
      </c>
      <c r="T9" s="62">
        <v>105.5</v>
      </c>
      <c r="U9" s="37">
        <v>114.1</v>
      </c>
      <c r="V9" s="62">
        <v>107.5</v>
      </c>
      <c r="W9" s="63">
        <v>111.7</v>
      </c>
      <c r="X9" s="38">
        <v>-0.1</v>
      </c>
      <c r="Y9" s="39">
        <v>3.3</v>
      </c>
      <c r="Z9" s="17"/>
    </row>
    <row r="10" spans="1:26" ht="24.75" customHeight="1">
      <c r="A10" s="23"/>
      <c r="B10" s="44">
        <v>7</v>
      </c>
      <c r="C10" s="48" t="s">
        <v>30</v>
      </c>
      <c r="D10" s="40">
        <v>111.6</v>
      </c>
      <c r="E10" s="35">
        <v>0.1</v>
      </c>
      <c r="F10" s="60">
        <v>3</v>
      </c>
      <c r="G10" s="61">
        <v>125.1</v>
      </c>
      <c r="H10" s="36">
        <v>102.6</v>
      </c>
      <c r="I10" s="35">
        <v>121</v>
      </c>
      <c r="J10" s="36">
        <v>123</v>
      </c>
      <c r="K10" s="34">
        <v>109.3</v>
      </c>
      <c r="L10" s="34">
        <v>103.9</v>
      </c>
      <c r="M10" s="34">
        <v>98.5</v>
      </c>
      <c r="N10" s="34">
        <v>100.2</v>
      </c>
      <c r="O10" s="34">
        <v>120</v>
      </c>
      <c r="P10" s="62">
        <v>107</v>
      </c>
      <c r="Q10" s="37">
        <v>111.3</v>
      </c>
      <c r="R10" s="34">
        <v>126.5</v>
      </c>
      <c r="S10" s="34">
        <v>110.4</v>
      </c>
      <c r="T10" s="62">
        <v>105.7</v>
      </c>
      <c r="U10" s="37">
        <v>114.3</v>
      </c>
      <c r="V10" s="62">
        <v>107.5</v>
      </c>
      <c r="W10" s="63">
        <v>111.9</v>
      </c>
      <c r="X10" s="38">
        <v>0.2</v>
      </c>
      <c r="Y10" s="39">
        <v>3.1</v>
      </c>
      <c r="Z10" s="17"/>
    </row>
    <row r="11" spans="1:26" ht="24.75" customHeight="1">
      <c r="A11" s="23"/>
      <c r="B11" s="44">
        <v>8</v>
      </c>
      <c r="C11" s="48" t="s">
        <v>30</v>
      </c>
      <c r="D11" s="40">
        <v>111.8</v>
      </c>
      <c r="E11" s="35">
        <v>0.2</v>
      </c>
      <c r="F11" s="60">
        <v>2.6</v>
      </c>
      <c r="G11" s="61">
        <v>125.4</v>
      </c>
      <c r="H11" s="36">
        <v>103.4</v>
      </c>
      <c r="I11" s="35">
        <v>115.5</v>
      </c>
      <c r="J11" s="36">
        <v>121.4</v>
      </c>
      <c r="K11" s="34">
        <v>109</v>
      </c>
      <c r="L11" s="34">
        <v>103.8</v>
      </c>
      <c r="M11" s="34">
        <v>99</v>
      </c>
      <c r="N11" s="34">
        <v>100.2</v>
      </c>
      <c r="O11" s="34">
        <v>122.8</v>
      </c>
      <c r="P11" s="62">
        <v>107.2</v>
      </c>
      <c r="Q11" s="37">
        <v>111.4</v>
      </c>
      <c r="R11" s="34">
        <v>126.2</v>
      </c>
      <c r="S11" s="34">
        <v>110.9</v>
      </c>
      <c r="T11" s="62">
        <v>106.4</v>
      </c>
      <c r="U11" s="37">
        <v>114.5</v>
      </c>
      <c r="V11" s="62">
        <v>109.7</v>
      </c>
      <c r="W11" s="63">
        <v>112.1</v>
      </c>
      <c r="X11" s="38">
        <v>0.2</v>
      </c>
      <c r="Y11" s="39">
        <v>2.7</v>
      </c>
      <c r="Z11" s="17"/>
    </row>
    <row r="12" spans="1:26" ht="24.75" customHeight="1">
      <c r="A12" s="23"/>
      <c r="B12" s="44">
        <v>9</v>
      </c>
      <c r="C12" s="48" t="s">
        <v>30</v>
      </c>
      <c r="D12" s="40">
        <v>111.5</v>
      </c>
      <c r="E12" s="35">
        <v>-0.3</v>
      </c>
      <c r="F12" s="60">
        <v>2.7</v>
      </c>
      <c r="G12" s="61">
        <v>126.4</v>
      </c>
      <c r="H12" s="36">
        <v>103.2</v>
      </c>
      <c r="I12" s="35">
        <v>113.9</v>
      </c>
      <c r="J12" s="36">
        <v>119</v>
      </c>
      <c r="K12" s="34">
        <v>111.5</v>
      </c>
      <c r="L12" s="34">
        <v>103.7</v>
      </c>
      <c r="M12" s="34">
        <v>98.4</v>
      </c>
      <c r="N12" s="34">
        <v>100.2</v>
      </c>
      <c r="O12" s="34">
        <v>119.2</v>
      </c>
      <c r="P12" s="62">
        <v>106.9</v>
      </c>
      <c r="Q12" s="37">
        <v>110.8</v>
      </c>
      <c r="R12" s="34">
        <v>126.3</v>
      </c>
      <c r="S12" s="34">
        <v>110.4</v>
      </c>
      <c r="T12" s="62">
        <v>105.7</v>
      </c>
      <c r="U12" s="37">
        <v>114.2</v>
      </c>
      <c r="V12" s="62">
        <v>110</v>
      </c>
      <c r="W12" s="63">
        <v>112</v>
      </c>
      <c r="X12" s="38">
        <v>-0.1</v>
      </c>
      <c r="Y12" s="39">
        <v>2.9</v>
      </c>
      <c r="Z12" s="17"/>
    </row>
    <row r="13" spans="1:26" ht="24.75" customHeight="1">
      <c r="A13" s="23"/>
      <c r="B13" s="44">
        <v>10</v>
      </c>
      <c r="C13" s="48" t="s">
        <v>30</v>
      </c>
      <c r="D13" s="40">
        <v>112.3</v>
      </c>
      <c r="E13" s="35">
        <v>0.8</v>
      </c>
      <c r="F13" s="60">
        <v>2.8</v>
      </c>
      <c r="G13" s="61">
        <v>128.30000000000001</v>
      </c>
      <c r="H13" s="36">
        <v>103.6</v>
      </c>
      <c r="I13" s="35">
        <v>114.1</v>
      </c>
      <c r="J13" s="36">
        <v>122.2</v>
      </c>
      <c r="K13" s="34">
        <v>108.8</v>
      </c>
      <c r="L13" s="34">
        <v>103.5</v>
      </c>
      <c r="M13" s="34">
        <v>98.9</v>
      </c>
      <c r="N13" s="34">
        <v>100.2</v>
      </c>
      <c r="O13" s="34">
        <v>121.1</v>
      </c>
      <c r="P13" s="62">
        <v>107.4</v>
      </c>
      <c r="Q13" s="37">
        <v>111.6</v>
      </c>
      <c r="R13" s="34">
        <v>127.9</v>
      </c>
      <c r="S13" s="34">
        <v>111.2</v>
      </c>
      <c r="T13" s="62">
        <v>106.3</v>
      </c>
      <c r="U13" s="37">
        <v>115.2</v>
      </c>
      <c r="V13" s="62">
        <v>111.3</v>
      </c>
      <c r="W13" s="63">
        <v>112.8</v>
      </c>
      <c r="X13" s="38">
        <v>0.7</v>
      </c>
      <c r="Y13" s="39">
        <v>3</v>
      </c>
      <c r="Z13" s="17"/>
    </row>
    <row r="14" spans="1:26" ht="24.75" customHeight="1">
      <c r="A14" s="23"/>
      <c r="B14" s="44">
        <v>11</v>
      </c>
      <c r="C14" s="48" t="s">
        <v>30</v>
      </c>
      <c r="D14" s="40">
        <v>112.7</v>
      </c>
      <c r="E14" s="35">
        <v>0.3</v>
      </c>
      <c r="F14" s="60">
        <v>2.7</v>
      </c>
      <c r="G14" s="61">
        <v>128.6</v>
      </c>
      <c r="H14" s="36">
        <v>103.6</v>
      </c>
      <c r="I14" s="35">
        <v>118.8</v>
      </c>
      <c r="J14" s="36">
        <v>121.5</v>
      </c>
      <c r="K14" s="34">
        <v>111</v>
      </c>
      <c r="L14" s="34">
        <v>103.4</v>
      </c>
      <c r="M14" s="34">
        <v>98.8</v>
      </c>
      <c r="N14" s="34">
        <v>100.2</v>
      </c>
      <c r="O14" s="34">
        <v>120.5</v>
      </c>
      <c r="P14" s="62">
        <v>107.5</v>
      </c>
      <c r="Q14" s="37">
        <v>111.9</v>
      </c>
      <c r="R14" s="34">
        <v>128.30000000000001</v>
      </c>
      <c r="S14" s="34">
        <v>111.3</v>
      </c>
      <c r="T14" s="62">
        <v>106.3</v>
      </c>
      <c r="U14" s="37">
        <v>115.7</v>
      </c>
      <c r="V14" s="62">
        <v>111.5</v>
      </c>
      <c r="W14" s="63">
        <v>113.2</v>
      </c>
      <c r="X14" s="38">
        <v>0.3</v>
      </c>
      <c r="Y14" s="39">
        <v>2.9</v>
      </c>
      <c r="Z14" s="17"/>
    </row>
    <row r="15" spans="1:26" ht="24.75" customHeight="1" thickBot="1">
      <c r="A15" s="22"/>
      <c r="B15" s="45">
        <v>12</v>
      </c>
      <c r="C15" s="49" t="s">
        <v>30</v>
      </c>
      <c r="D15" s="41">
        <v>112.5</v>
      </c>
      <c r="E15" s="51">
        <v>-0.1</v>
      </c>
      <c r="F15" s="56">
        <v>2</v>
      </c>
      <c r="G15" s="57">
        <v>128.4</v>
      </c>
      <c r="H15" s="42">
        <v>103.7</v>
      </c>
      <c r="I15" s="51">
        <v>118.6</v>
      </c>
      <c r="J15" s="42">
        <v>119.6</v>
      </c>
      <c r="K15" s="50">
        <v>110.5</v>
      </c>
      <c r="L15" s="50">
        <v>102.7</v>
      </c>
      <c r="M15" s="50">
        <v>98.2</v>
      </c>
      <c r="N15" s="50">
        <v>100.2</v>
      </c>
      <c r="O15" s="50">
        <v>121.5</v>
      </c>
      <c r="P15" s="58">
        <v>107.4</v>
      </c>
      <c r="Q15" s="43">
        <v>111.8</v>
      </c>
      <c r="R15" s="50">
        <v>128.1</v>
      </c>
      <c r="S15" s="50">
        <v>111.2</v>
      </c>
      <c r="T15" s="58">
        <v>106.3</v>
      </c>
      <c r="U15" s="43">
        <v>115.5</v>
      </c>
      <c r="V15" s="58">
        <v>111.6</v>
      </c>
      <c r="W15" s="59">
        <v>113</v>
      </c>
      <c r="X15" s="52">
        <v>-0.2</v>
      </c>
      <c r="Y15" s="53">
        <v>2.1</v>
      </c>
      <c r="Z15" s="17"/>
    </row>
    <row r="16" spans="1:26" ht="24.75" customHeight="1">
      <c r="A16" s="64" t="s">
        <v>32</v>
      </c>
      <c r="B16" s="65">
        <v>1</v>
      </c>
      <c r="C16" s="66" t="s">
        <v>30</v>
      </c>
      <c r="D16" s="67">
        <v>112.4</v>
      </c>
      <c r="E16" s="68">
        <v>-0.1</v>
      </c>
      <c r="F16" s="69">
        <v>1.5</v>
      </c>
      <c r="G16" s="70">
        <v>129.19999999999999</v>
      </c>
      <c r="H16" s="68">
        <v>103.7</v>
      </c>
      <c r="I16" s="68">
        <v>118.5</v>
      </c>
      <c r="J16" s="71">
        <v>119.3</v>
      </c>
      <c r="K16" s="70">
        <v>108.9</v>
      </c>
      <c r="L16" s="68">
        <v>102.4</v>
      </c>
      <c r="M16" s="68">
        <v>98</v>
      </c>
      <c r="N16" s="68">
        <v>100.2</v>
      </c>
      <c r="O16" s="71">
        <v>118.9</v>
      </c>
      <c r="P16" s="70">
        <v>107.5</v>
      </c>
      <c r="Q16" s="72">
        <v>111.6</v>
      </c>
      <c r="R16" s="68">
        <v>128.6</v>
      </c>
      <c r="S16" s="71">
        <v>111</v>
      </c>
      <c r="T16" s="70">
        <v>105.8</v>
      </c>
      <c r="U16" s="73">
        <v>115.3</v>
      </c>
      <c r="V16" s="70">
        <v>111.9</v>
      </c>
      <c r="W16" s="74">
        <v>112.9</v>
      </c>
      <c r="X16" s="75">
        <v>-0.1</v>
      </c>
      <c r="Y16" s="76">
        <v>1.5</v>
      </c>
      <c r="Z16" s="17"/>
    </row>
    <row r="17" spans="1:26" ht="24.75" customHeight="1">
      <c r="A17" s="23"/>
      <c r="B17" s="44">
        <v>2</v>
      </c>
      <c r="C17" s="48" t="s">
        <v>30</v>
      </c>
      <c r="D17" s="40">
        <v>111.7</v>
      </c>
      <c r="E17" s="34">
        <v>-0.6</v>
      </c>
      <c r="F17" s="77">
        <v>1.3</v>
      </c>
      <c r="G17" s="36">
        <v>128.5</v>
      </c>
      <c r="H17" s="34">
        <v>103.9</v>
      </c>
      <c r="I17" s="34">
        <v>108.3</v>
      </c>
      <c r="J17" s="35">
        <v>119.3</v>
      </c>
      <c r="K17" s="36">
        <v>107.6</v>
      </c>
      <c r="L17" s="34">
        <v>102.9</v>
      </c>
      <c r="M17" s="34">
        <v>98.1</v>
      </c>
      <c r="N17" s="34">
        <v>100.4</v>
      </c>
      <c r="O17" s="35">
        <v>119.4</v>
      </c>
      <c r="P17" s="36">
        <v>107.4</v>
      </c>
      <c r="Q17" s="37">
        <v>111.1</v>
      </c>
      <c r="R17" s="34">
        <v>128.80000000000001</v>
      </c>
      <c r="S17" s="35">
        <v>111.1</v>
      </c>
      <c r="T17" s="36">
        <v>106</v>
      </c>
      <c r="U17" s="78">
        <v>114.4</v>
      </c>
      <c r="V17" s="36">
        <v>112.2</v>
      </c>
      <c r="W17" s="79">
        <v>112.2</v>
      </c>
      <c r="X17" s="38">
        <v>-0.6</v>
      </c>
      <c r="Y17" s="39">
        <v>1.3</v>
      </c>
      <c r="Z17" s="17"/>
    </row>
    <row r="18" spans="1:26" ht="24.75" customHeight="1">
      <c r="A18" s="23"/>
      <c r="B18" s="44">
        <v>3</v>
      </c>
      <c r="C18" s="48" t="s">
        <v>30</v>
      </c>
      <c r="D18" s="40">
        <v>112.3</v>
      </c>
      <c r="E18" s="34">
        <v>0.5</v>
      </c>
      <c r="F18" s="77">
        <v>1.4</v>
      </c>
      <c r="G18" s="36">
        <v>128.19999999999999</v>
      </c>
      <c r="H18" s="34">
        <v>104.2</v>
      </c>
      <c r="I18" s="34">
        <v>108.5</v>
      </c>
      <c r="J18" s="35">
        <v>123</v>
      </c>
      <c r="K18" s="36">
        <v>110.5</v>
      </c>
      <c r="L18" s="34">
        <v>103</v>
      </c>
      <c r="M18" s="34">
        <v>99.7</v>
      </c>
      <c r="N18" s="34">
        <v>100.6</v>
      </c>
      <c r="O18" s="35">
        <v>120.7</v>
      </c>
      <c r="P18" s="36">
        <v>107.4</v>
      </c>
      <c r="Q18" s="37">
        <v>111.8</v>
      </c>
      <c r="R18" s="34">
        <v>128.9</v>
      </c>
      <c r="S18" s="35">
        <v>111.7</v>
      </c>
      <c r="T18" s="36">
        <v>106.7</v>
      </c>
      <c r="U18" s="78">
        <v>115</v>
      </c>
      <c r="V18" s="36">
        <v>112.4</v>
      </c>
      <c r="W18" s="79">
        <v>112.7</v>
      </c>
      <c r="X18" s="38">
        <v>0.4</v>
      </c>
      <c r="Y18" s="39">
        <v>1.5</v>
      </c>
      <c r="Z18" s="17"/>
    </row>
    <row r="19" spans="1:26" ht="24.75" customHeight="1">
      <c r="A19" s="122"/>
      <c r="B19" s="123">
        <v>4</v>
      </c>
      <c r="C19" s="124" t="s">
        <v>30</v>
      </c>
      <c r="D19" s="125">
        <v>112.6</v>
      </c>
      <c r="E19" s="126">
        <v>0.3</v>
      </c>
      <c r="F19" s="127">
        <v>1.4</v>
      </c>
      <c r="G19" s="128">
        <v>128.6</v>
      </c>
      <c r="H19" s="126">
        <v>104.3</v>
      </c>
      <c r="I19" s="126">
        <v>115.9</v>
      </c>
      <c r="J19" s="129">
        <v>122.8</v>
      </c>
      <c r="K19" s="128">
        <v>109.8</v>
      </c>
      <c r="L19" s="126">
        <v>102.3</v>
      </c>
      <c r="M19" s="126">
        <v>99.8</v>
      </c>
      <c r="N19" s="126">
        <v>92.5</v>
      </c>
      <c r="O19" s="129">
        <v>121.5</v>
      </c>
      <c r="P19" s="128">
        <v>107.7</v>
      </c>
      <c r="Q19" s="130">
        <v>112</v>
      </c>
      <c r="R19" s="126">
        <v>129.19999999999999</v>
      </c>
      <c r="S19" s="129">
        <v>111.6</v>
      </c>
      <c r="T19" s="128">
        <v>106.4</v>
      </c>
      <c r="U19" s="131">
        <v>115.4</v>
      </c>
      <c r="V19" s="128">
        <v>112.8</v>
      </c>
      <c r="W19" s="132">
        <v>113</v>
      </c>
      <c r="X19" s="133">
        <v>0.3</v>
      </c>
      <c r="Y19" s="134">
        <v>1.4</v>
      </c>
      <c r="Z19" s="17"/>
    </row>
    <row r="20" spans="1:26" ht="24.75" customHeight="1" thickBot="1">
      <c r="A20" s="136"/>
      <c r="B20" s="137">
        <v>5</v>
      </c>
      <c r="C20" s="138" t="s">
        <v>30</v>
      </c>
      <c r="D20" s="135">
        <v>113</v>
      </c>
      <c r="E20" s="139">
        <v>0.4</v>
      </c>
      <c r="F20" s="140">
        <v>1.5</v>
      </c>
      <c r="G20" s="141">
        <v>128.6</v>
      </c>
      <c r="H20" s="139">
        <v>104.4</v>
      </c>
      <c r="I20" s="139">
        <v>120.3</v>
      </c>
      <c r="J20" s="142">
        <v>123.5</v>
      </c>
      <c r="K20" s="141">
        <v>111.5</v>
      </c>
      <c r="L20" s="139">
        <v>102.5</v>
      </c>
      <c r="M20" s="139">
        <v>100</v>
      </c>
      <c r="N20" s="139">
        <v>92.5</v>
      </c>
      <c r="O20" s="142">
        <v>121.9</v>
      </c>
      <c r="P20" s="141">
        <v>108.1</v>
      </c>
      <c r="Q20" s="143">
        <v>112.5</v>
      </c>
      <c r="R20" s="139">
        <v>129.19999999999999</v>
      </c>
      <c r="S20" s="142">
        <v>111.8</v>
      </c>
      <c r="T20" s="141">
        <v>106.7</v>
      </c>
      <c r="U20" s="144">
        <v>116</v>
      </c>
      <c r="V20" s="141">
        <v>113.4</v>
      </c>
      <c r="W20" s="145">
        <v>113.5</v>
      </c>
      <c r="X20" s="146">
        <v>0.5</v>
      </c>
      <c r="Y20" s="147">
        <v>1.5</v>
      </c>
      <c r="Z20" s="17"/>
    </row>
    <row r="21" spans="1:26">
      <c r="A21" s="17" t="s">
        <v>14</v>
      </c>
      <c r="B21" s="17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</row>
    <row r="22" spans="1:26">
      <c r="A22" s="17"/>
      <c r="B22" s="17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1"/>
      <c r="U22" s="17"/>
      <c r="V22" s="17"/>
      <c r="W22" s="17"/>
      <c r="X22" s="17"/>
      <c r="Y22" s="17"/>
    </row>
    <row r="23" spans="1:26">
      <c r="A23" s="17"/>
      <c r="B23" s="17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</row>
    <row r="24" spans="1:26">
      <c r="A24" s="17"/>
      <c r="B24" s="17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</row>
    <row r="25" spans="1:26">
      <c r="A25" s="17"/>
      <c r="B25" s="17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</row>
    <row r="26" spans="1:26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</row>
    <row r="27" spans="1:26">
      <c r="A27" s="17"/>
      <c r="B27" s="17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</row>
    <row r="28" spans="1:26">
      <c r="A28" s="17"/>
      <c r="B28" s="17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</row>
    <row r="29" spans="1:26">
      <c r="A29" s="17"/>
      <c r="B29" s="17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</row>
    <row r="30" spans="1:26">
      <c r="A30" s="17"/>
      <c r="B30" s="17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</row>
    <row r="31" spans="1:26">
      <c r="A31" s="17"/>
      <c r="B31" s="17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</row>
    <row r="32" spans="1:26">
      <c r="A32" s="17"/>
      <c r="B32" s="17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</row>
    <row r="33" spans="1:25">
      <c r="A33" s="17"/>
      <c r="B33" s="17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</row>
    <row r="34" spans="1:25">
      <c r="A34" s="17"/>
      <c r="B34" s="17"/>
      <c r="C34" s="17"/>
      <c r="D34" s="17"/>
      <c r="E34" s="17"/>
      <c r="F34" s="17"/>
      <c r="G34" s="17"/>
      <c r="H34" s="17"/>
      <c r="I34" s="17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  <c r="Y34" s="17"/>
    </row>
    <row r="35" spans="1:25">
      <c r="A35" s="17"/>
      <c r="B35" s="17"/>
      <c r="C35" s="17"/>
      <c r="D35" s="17"/>
      <c r="E35" s="17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7"/>
      <c r="Y35" s="17"/>
    </row>
    <row r="36" spans="1:25">
      <c r="A36" s="17"/>
      <c r="B36" s="17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</row>
    <row r="37" spans="1:25">
      <c r="A37" s="17"/>
      <c r="B37" s="17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</row>
    <row r="38" spans="1:25">
      <c r="A38" s="17"/>
      <c r="B38" s="17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</row>
    <row r="39" spans="1:25">
      <c r="A39" s="17"/>
      <c r="B39" s="17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</row>
    <row r="40" spans="1:25">
      <c r="A40" s="17"/>
      <c r="B40" s="17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</row>
    <row r="41" spans="1:25">
      <c r="A41" s="17"/>
      <c r="B41" s="17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</row>
    <row r="42" spans="1:25">
      <c r="A42" s="17"/>
      <c r="B42" s="17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</row>
    <row r="43" spans="1:25">
      <c r="A43" s="17"/>
      <c r="B43" s="17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</row>
    <row r="44" spans="1:25">
      <c r="T44" s="17"/>
    </row>
    <row r="45" spans="1:25">
      <c r="T45" s="17"/>
    </row>
    <row r="46" spans="1:25">
      <c r="T46" s="17"/>
    </row>
    <row r="47" spans="1:25">
      <c r="T47" s="17"/>
    </row>
    <row r="48" spans="1:25">
      <c r="T48" s="17"/>
    </row>
    <row r="49" spans="20:20">
      <c r="T49" s="17"/>
    </row>
    <row r="50" spans="20:20">
      <c r="T50" s="17"/>
    </row>
    <row r="51" spans="20:20">
      <c r="T51" s="17"/>
    </row>
    <row r="52" spans="20:20">
      <c r="T52" s="17"/>
    </row>
    <row r="53" spans="20:20">
      <c r="T53" s="17"/>
    </row>
    <row r="54" spans="20:20">
      <c r="T54" s="17"/>
    </row>
    <row r="55" spans="20:20">
      <c r="T55" s="17"/>
    </row>
    <row r="56" spans="20:20">
      <c r="T56" s="17"/>
    </row>
    <row r="57" spans="20:20">
      <c r="T57" s="17"/>
    </row>
    <row r="58" spans="20:20">
      <c r="T58" s="17"/>
    </row>
    <row r="59" spans="20:20">
      <c r="T59" s="17"/>
    </row>
  </sheetData>
  <mergeCells count="22">
    <mergeCell ref="W5:W6"/>
    <mergeCell ref="X5:X6"/>
    <mergeCell ref="Y5:Y6"/>
    <mergeCell ref="E4:E6"/>
    <mergeCell ref="F4:F6"/>
    <mergeCell ref="G4:G6"/>
    <mergeCell ref="H4:H6"/>
    <mergeCell ref="N4:N6"/>
    <mergeCell ref="S4:S5"/>
    <mergeCell ref="T4:T5"/>
    <mergeCell ref="U4:V5"/>
    <mergeCell ref="B7:C7"/>
    <mergeCell ref="K4:K6"/>
    <mergeCell ref="L4:L6"/>
    <mergeCell ref="O4:O6"/>
    <mergeCell ref="Q4:R5"/>
    <mergeCell ref="I4:I6"/>
    <mergeCell ref="J4:J6"/>
    <mergeCell ref="M4:M6"/>
    <mergeCell ref="A4:C6"/>
    <mergeCell ref="D4:D6"/>
    <mergeCell ref="P4:P6"/>
  </mergeCells>
  <phoneticPr fontId="18"/>
  <pageMargins left="0.23622047244094491" right="0.23622047244094491" top="0.74803149606299213" bottom="0.74803149606299213" header="0.31496062992125984" footer="0.31496062992125984"/>
  <pageSetup paperSize="9" scale="6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 貴美恵</dc:creator>
  <cp:lastModifiedBy>user</cp:lastModifiedBy>
  <cp:lastPrinted>2025-09-10T06:45:59Z</cp:lastPrinted>
  <dcterms:created xsi:type="dcterms:W3CDTF">2014-12-03T02:46:44Z</dcterms:created>
  <dcterms:modified xsi:type="dcterms:W3CDTF">2026-07-09T07:05:00Z</dcterms:modified>
</cp:coreProperties>
</file>